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0C38AE" w:rsidRDefault="000C38AE">
      <w:pPr>
        <w:rPr>
          <w:noProof/>
        </w:rPr>
      </w:pPr>
      <w:bookmarkStart w:id="0" w:name="_GoBack"/>
      <w:bookmarkEnd w:id="0"/>
    </w:p>
    <w:p w:rsidR="000C38AE" w:rsidRDefault="000C38AE">
      <w:pPr>
        <w:rPr>
          <w:noProof/>
        </w:rPr>
      </w:pPr>
      <w:r>
        <w:rPr>
          <w:noProof/>
        </w:rPr>
        <w:t>1.Created a test table</w:t>
      </w:r>
    </w:p>
    <w:p w:rsidR="000C38AE" w:rsidRDefault="000C38AE">
      <w:pPr>
        <w:rPr>
          <w:noProof/>
        </w:rPr>
      </w:pPr>
    </w:p>
    <w:p w:rsidR="000C38AE" w:rsidRDefault="000C38AE">
      <w:pPr>
        <w:rPr>
          <w:noProof/>
        </w:rPr>
      </w:pPr>
      <w:r w:rsidRPr="000C38AE">
        <w:rPr>
          <w:noProof/>
        </w:rPr>
        <w:drawing>
          <wp:inline distT="0" distB="0" distL="0" distR="0">
            <wp:extent cx="5943600" cy="2841294"/>
            <wp:effectExtent l="0" t="0" r="0" b="0"/>
            <wp:docPr id="4" name="Picture 4" descr="C:\Users\s0184480\Desktop\04-ApR-2016\PARTITIONING\Capture TEST TABLE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0184480\Desktop\04-ApR-2016\PARTITIONING\Capture TEST TABLE1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84129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C38AE" w:rsidRDefault="000C38AE">
      <w:pPr>
        <w:rPr>
          <w:noProof/>
        </w:rPr>
      </w:pPr>
    </w:p>
    <w:p w:rsidR="000C38AE" w:rsidRDefault="000C38AE">
      <w:pPr>
        <w:rPr>
          <w:noProof/>
        </w:rPr>
      </w:pPr>
      <w:r>
        <w:rPr>
          <w:noProof/>
        </w:rPr>
        <w:t>2.Insert values into the table.</w:t>
      </w:r>
    </w:p>
    <w:p w:rsidR="000C38AE" w:rsidRDefault="000C38AE">
      <w:pPr>
        <w:rPr>
          <w:noProof/>
        </w:rPr>
      </w:pPr>
      <w:r w:rsidRPr="000C38AE">
        <w:rPr>
          <w:noProof/>
        </w:rPr>
        <w:drawing>
          <wp:inline distT="0" distB="0" distL="0" distR="0">
            <wp:extent cx="5943600" cy="1822153"/>
            <wp:effectExtent l="0" t="0" r="0" b="6985"/>
            <wp:docPr id="5" name="Picture 5" descr="C:\Users\s0184480\Desktop\04-ApR-2016\PARTITIONING\Capture TEST TABLE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0184480\Desktop\04-ApR-2016\PARTITIONING\Capture TEST TABLE2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82215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C38AE" w:rsidRDefault="000C38AE">
      <w:pPr>
        <w:rPr>
          <w:noProof/>
        </w:rPr>
      </w:pPr>
    </w:p>
    <w:p w:rsidR="000C38AE" w:rsidRDefault="000C38AE">
      <w:pPr>
        <w:rPr>
          <w:noProof/>
        </w:rPr>
      </w:pPr>
    </w:p>
    <w:p w:rsidR="000C38AE" w:rsidRDefault="000C38AE">
      <w:pPr>
        <w:rPr>
          <w:noProof/>
        </w:rPr>
      </w:pPr>
    </w:p>
    <w:p w:rsidR="000C38AE" w:rsidRDefault="000C38AE">
      <w:pPr>
        <w:rPr>
          <w:noProof/>
        </w:rPr>
      </w:pPr>
    </w:p>
    <w:p w:rsidR="000C38AE" w:rsidRDefault="000C38AE">
      <w:pPr>
        <w:rPr>
          <w:noProof/>
        </w:rPr>
      </w:pPr>
    </w:p>
    <w:p w:rsidR="000C38AE" w:rsidRDefault="000C38AE">
      <w:pPr>
        <w:rPr>
          <w:noProof/>
        </w:rPr>
      </w:pPr>
      <w:r>
        <w:rPr>
          <w:noProof/>
        </w:rPr>
        <w:lastRenderedPageBreak/>
        <w:t>3.Selecting max partition date of the table.</w:t>
      </w:r>
    </w:p>
    <w:p w:rsidR="000C38AE" w:rsidRDefault="000C38AE">
      <w:pPr>
        <w:rPr>
          <w:noProof/>
        </w:rPr>
      </w:pPr>
      <w:r w:rsidRPr="000C38AE">
        <w:rPr>
          <w:noProof/>
        </w:rPr>
        <w:drawing>
          <wp:inline distT="0" distB="0" distL="0" distR="0">
            <wp:extent cx="5943600" cy="1607590"/>
            <wp:effectExtent l="0" t="0" r="0" b="0"/>
            <wp:docPr id="6" name="Picture 6" descr="C:\Users\s0184480\Desktop\04-ApR-2016\PARTITIONING\Capture TEST TABLE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s0184480\Desktop\04-ApR-2016\PARTITIONING\Capture TEST TABLE3.JP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6075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C38AE" w:rsidRDefault="000C38AE">
      <w:pPr>
        <w:rPr>
          <w:noProof/>
        </w:rPr>
      </w:pPr>
    </w:p>
    <w:p w:rsidR="000C38AE" w:rsidRPr="000C38AE" w:rsidRDefault="000C38AE" w:rsidP="000C38AE">
      <w:pPr>
        <w:rPr>
          <w:noProof/>
        </w:rPr>
      </w:pPr>
      <w:r>
        <w:rPr>
          <w:noProof/>
        </w:rPr>
        <w:t>4.</w:t>
      </w:r>
      <w:r w:rsidRPr="000C38AE">
        <w:rPr>
          <w:color w:val="1F497D"/>
        </w:rPr>
        <w:t xml:space="preserve"> </w:t>
      </w:r>
      <w:r w:rsidRPr="000C38AE">
        <w:rPr>
          <w:noProof/>
        </w:rPr>
        <w:t>Automatically prints the max partition name and last date to be partitioned.</w:t>
      </w:r>
    </w:p>
    <w:p w:rsidR="00874C74" w:rsidRDefault="000C38AE">
      <w:r w:rsidRPr="000C38AE">
        <w:rPr>
          <w:noProof/>
        </w:rPr>
        <w:drawing>
          <wp:inline distT="0" distB="0" distL="0" distR="0">
            <wp:extent cx="5943600" cy="1794719"/>
            <wp:effectExtent l="0" t="0" r="0" b="0"/>
            <wp:docPr id="1" name="Picture 1" descr="C:\Users\s0184480\Desktop\04-ApR-2016\PARTITIONING\Capture TEST TABLE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184480\Desktop\04-ApR-2016\PARTITIONING\Capture TEST TABLE4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79471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C38AE" w:rsidRDefault="000C38AE">
      <w:r>
        <w:t xml:space="preserve">5. Automatically splits PMAX by taking </w:t>
      </w:r>
      <w:proofErr w:type="spellStart"/>
      <w:r>
        <w:t>tablename</w:t>
      </w:r>
      <w:proofErr w:type="spellEnd"/>
      <w:r>
        <w:t xml:space="preserve"> and owner as input.</w:t>
      </w:r>
    </w:p>
    <w:p w:rsidR="000C38AE" w:rsidRDefault="000C38AE">
      <w:r w:rsidRPr="000C38AE">
        <w:rPr>
          <w:noProof/>
        </w:rPr>
        <w:drawing>
          <wp:inline distT="0" distB="0" distL="0" distR="0">
            <wp:extent cx="5943600" cy="1738400"/>
            <wp:effectExtent l="0" t="0" r="0" b="0"/>
            <wp:docPr id="3" name="Picture 3" descr="C:\Users\s0184480\Desktop\04-ApR-2016\PARTITIONING\Capture TEST TABLE6-Final capture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84480\Desktop\04-ApR-2016\PARTITIONING\Capture TEST TABLE6-Final capture.JP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738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C38AE" w:rsidRDefault="000C38AE"/>
    <w:p w:rsidR="000C38AE" w:rsidRDefault="000C38AE"/>
    <w:p w:rsidR="000C38AE" w:rsidRDefault="000C38AE"/>
    <w:p w:rsidR="000C38AE" w:rsidRDefault="000C38AE"/>
    <w:p w:rsidR="000C38AE" w:rsidRDefault="000C38AE">
      <w:r>
        <w:lastRenderedPageBreak/>
        <w:t>6. Partition P5 now holds the max partition date of the table.</w:t>
      </w:r>
    </w:p>
    <w:p w:rsidR="000C38AE" w:rsidRDefault="000C38AE">
      <w:r w:rsidRPr="000C38AE">
        <w:rPr>
          <w:noProof/>
        </w:rPr>
        <w:drawing>
          <wp:inline distT="0" distB="0" distL="0" distR="0">
            <wp:extent cx="5942330" cy="1723963"/>
            <wp:effectExtent l="0" t="0" r="1270" b="0"/>
            <wp:docPr id="7" name="Picture 7" descr="C:\Users\s0184480\Desktop\04-ApR-2016\PARTITIONING\Capture TEST TABLE6-Result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0184480\Desktop\04-ApR-2016\PARTITIONING\Capture TEST TABLE6-Result.JP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57846" cy="172846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0C38AE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7BB92F77"/>
    <w:multiLevelType w:val="hybridMultilevel"/>
    <w:tmpl w:val="AD3A04E8"/>
    <w:lvl w:ilvl="0" w:tplc="04090017">
      <w:start w:val="1"/>
      <w:numFmt w:val="lowerLetter"/>
      <w:lvlText w:val="%1)"/>
      <w:lvlJc w:val="left"/>
      <w:pPr>
        <w:ind w:left="720" w:hanging="360"/>
      </w:p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>
      <w:start w:val="1"/>
      <w:numFmt w:val="decimal"/>
      <w:lvlText w:val="%4."/>
      <w:lvlJc w:val="left"/>
      <w:pPr>
        <w:ind w:left="2880" w:hanging="360"/>
      </w:pPr>
    </w:lvl>
    <w:lvl w:ilvl="4" w:tplc="04090019">
      <w:start w:val="1"/>
      <w:numFmt w:val="lowerLetter"/>
      <w:lvlText w:val="%5."/>
      <w:lvlJc w:val="left"/>
      <w:pPr>
        <w:ind w:left="3600" w:hanging="360"/>
      </w:pPr>
    </w:lvl>
    <w:lvl w:ilvl="5" w:tplc="0409001B">
      <w:start w:val="1"/>
      <w:numFmt w:val="lowerRoman"/>
      <w:lvlText w:val="%6."/>
      <w:lvlJc w:val="right"/>
      <w:pPr>
        <w:ind w:left="4320" w:hanging="180"/>
      </w:pPr>
    </w:lvl>
    <w:lvl w:ilvl="6" w:tplc="0409000F">
      <w:start w:val="1"/>
      <w:numFmt w:val="decimal"/>
      <w:lvlText w:val="%7."/>
      <w:lvlJc w:val="left"/>
      <w:pPr>
        <w:ind w:left="5040" w:hanging="360"/>
      </w:pPr>
    </w:lvl>
    <w:lvl w:ilvl="7" w:tplc="04090019">
      <w:start w:val="1"/>
      <w:numFmt w:val="lowerLetter"/>
      <w:lvlText w:val="%8."/>
      <w:lvlJc w:val="left"/>
      <w:pPr>
        <w:ind w:left="5760" w:hanging="360"/>
      </w:pPr>
    </w:lvl>
    <w:lvl w:ilvl="8" w:tplc="0409001B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C38AE"/>
    <w:rsid w:val="00001112"/>
    <w:rsid w:val="0000595F"/>
    <w:rsid w:val="0004562A"/>
    <w:rsid w:val="000C38AE"/>
    <w:rsid w:val="000E7A1A"/>
    <w:rsid w:val="00124087"/>
    <w:rsid w:val="00124EA8"/>
    <w:rsid w:val="00140E5B"/>
    <w:rsid w:val="0019729E"/>
    <w:rsid w:val="001C6AF0"/>
    <w:rsid w:val="00203E25"/>
    <w:rsid w:val="00206B8C"/>
    <w:rsid w:val="0026144C"/>
    <w:rsid w:val="002F427C"/>
    <w:rsid w:val="003D51FC"/>
    <w:rsid w:val="003F7DF4"/>
    <w:rsid w:val="00477F95"/>
    <w:rsid w:val="0048516E"/>
    <w:rsid w:val="004B6EEC"/>
    <w:rsid w:val="004D1EC3"/>
    <w:rsid w:val="00500DE7"/>
    <w:rsid w:val="00531E62"/>
    <w:rsid w:val="0056126D"/>
    <w:rsid w:val="005760F4"/>
    <w:rsid w:val="005875F2"/>
    <w:rsid w:val="005A3035"/>
    <w:rsid w:val="005E1C25"/>
    <w:rsid w:val="00601E61"/>
    <w:rsid w:val="0064712F"/>
    <w:rsid w:val="006B43A5"/>
    <w:rsid w:val="00726F5A"/>
    <w:rsid w:val="007447EA"/>
    <w:rsid w:val="00780B93"/>
    <w:rsid w:val="00786FB9"/>
    <w:rsid w:val="00796E60"/>
    <w:rsid w:val="007C506C"/>
    <w:rsid w:val="007C7545"/>
    <w:rsid w:val="007E44EA"/>
    <w:rsid w:val="007F6B86"/>
    <w:rsid w:val="0083397C"/>
    <w:rsid w:val="0083760A"/>
    <w:rsid w:val="00874C74"/>
    <w:rsid w:val="008960A3"/>
    <w:rsid w:val="008B35A4"/>
    <w:rsid w:val="008E32EF"/>
    <w:rsid w:val="008F4C7A"/>
    <w:rsid w:val="00917BE8"/>
    <w:rsid w:val="009C0BF5"/>
    <w:rsid w:val="009C3807"/>
    <w:rsid w:val="009C3CBB"/>
    <w:rsid w:val="009D7012"/>
    <w:rsid w:val="00A01AC6"/>
    <w:rsid w:val="00A51CF2"/>
    <w:rsid w:val="00AB339F"/>
    <w:rsid w:val="00AB7B13"/>
    <w:rsid w:val="00AC3EE9"/>
    <w:rsid w:val="00B432EE"/>
    <w:rsid w:val="00B835C8"/>
    <w:rsid w:val="00BF370C"/>
    <w:rsid w:val="00C32715"/>
    <w:rsid w:val="00C52070"/>
    <w:rsid w:val="00C54552"/>
    <w:rsid w:val="00C56BFB"/>
    <w:rsid w:val="00C62AE0"/>
    <w:rsid w:val="00C87EC3"/>
    <w:rsid w:val="00C978B8"/>
    <w:rsid w:val="00D302A7"/>
    <w:rsid w:val="00D670D1"/>
    <w:rsid w:val="00DC7F2D"/>
    <w:rsid w:val="00E4357C"/>
    <w:rsid w:val="00E64786"/>
    <w:rsid w:val="00E64D09"/>
    <w:rsid w:val="00ED6412"/>
    <w:rsid w:val="00F00E47"/>
    <w:rsid w:val="00F20F9C"/>
    <w:rsid w:val="00F620F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0C38AE"/>
    <w:pPr>
      <w:spacing w:after="0" w:line="240" w:lineRule="auto"/>
      <w:ind w:left="720"/>
    </w:pPr>
    <w:rPr>
      <w:rFonts w:ascii="Calibri" w:hAnsi="Calibri" w:cs="Times New Roman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4D1EC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4D1EC3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0C38AE"/>
    <w:pPr>
      <w:spacing w:after="0" w:line="240" w:lineRule="auto"/>
      <w:ind w:left="720"/>
    </w:pPr>
    <w:rPr>
      <w:rFonts w:ascii="Calibri" w:hAnsi="Calibri" w:cs="Times New Roman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4D1EC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4D1EC3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1124737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jpeg"/><Relationship Id="rId13" Type="http://schemas.openxmlformats.org/officeDocument/2006/relationships/theme" Target="theme/theme1.xml"/><Relationship Id="rId3" Type="http://schemas.microsoft.com/office/2007/relationships/stylesWithEffects" Target="stylesWithEffects.xml"/><Relationship Id="rId7" Type="http://schemas.openxmlformats.org/officeDocument/2006/relationships/image" Target="media/image2.jpeg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1.jpeg"/><Relationship Id="rId11" Type="http://schemas.openxmlformats.org/officeDocument/2006/relationships/image" Target="media/image6.jpeg"/><Relationship Id="rId5" Type="http://schemas.openxmlformats.org/officeDocument/2006/relationships/webSettings" Target="webSettings.xml"/><Relationship Id="rId10" Type="http://schemas.openxmlformats.org/officeDocument/2006/relationships/image" Target="media/image5.jpeg"/><Relationship Id="rId4" Type="http://schemas.openxmlformats.org/officeDocument/2006/relationships/settings" Target="settings.xml"/><Relationship Id="rId9" Type="http://schemas.openxmlformats.org/officeDocument/2006/relationships/image" Target="media/image4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3</Pages>
  <Words>50</Words>
  <Characters>287</Characters>
  <Application>Microsoft Office Word</Application>
  <DocSecurity>0</DocSecurity>
  <Lines>2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SHC</Company>
  <LinksUpToDate>false</LinksUpToDate>
  <CharactersWithSpaces>33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alanivelu, Hari Rekha</dc:creator>
  <cp:lastModifiedBy>Mayilsamy, Ganesan</cp:lastModifiedBy>
  <cp:revision>2</cp:revision>
  <dcterms:created xsi:type="dcterms:W3CDTF">2016-06-22T13:57:00Z</dcterms:created>
  <dcterms:modified xsi:type="dcterms:W3CDTF">2016-06-22T13:57:00Z</dcterms:modified>
</cp:coreProperties>
</file>